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03\02_調整G\02_住基\01_住基\02_調査\02_住民基本台帳年報\R6.1.1\08-1_ホームページ（速報）\"/>
    </mc:Choice>
  </mc:AlternateContent>
  <bookViews>
    <workbookView xWindow="0" yWindow="2850" windowWidth="28770" windowHeight="7905"/>
  </bookViews>
  <sheets>
    <sheet name="Sheet1" sheetId="1" r:id="rId1"/>
  </sheets>
  <definedNames>
    <definedName name="_xlnm.Print_Area" localSheetId="0">Sheet1!$A$1:$O$6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5" uniqueCount="75">
  <si>
    <t>　　　区分</t>
  </si>
  <si>
    <t xml:space="preserve"> 団体コード</t>
  </si>
  <si>
    <t>団体名</t>
  </si>
  <si>
    <t>横浜市</t>
  </si>
  <si>
    <t>鶴見区</t>
  </si>
  <si>
    <t>神奈川区</t>
  </si>
  <si>
    <t>西区</t>
  </si>
  <si>
    <t>中区</t>
  </si>
  <si>
    <t>南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人　　口　　(人)</t>
    <rPh sb="0" eb="1">
      <t>ヒト</t>
    </rPh>
    <rPh sb="3" eb="4">
      <t>クチ</t>
    </rPh>
    <rPh sb="7" eb="8">
      <t>ニン</t>
    </rPh>
    <phoneticPr fontId="3"/>
  </si>
  <si>
    <t>世　　帯　　数</t>
    <rPh sb="0" eb="1">
      <t>ヨ</t>
    </rPh>
    <rPh sb="3" eb="4">
      <t>オビ</t>
    </rPh>
    <rPh sb="6" eb="7">
      <t>カズ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合計</t>
    <rPh sb="0" eb="2">
      <t>ゴウケイ</t>
    </rPh>
    <phoneticPr fontId="3"/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計</t>
    <rPh sb="0" eb="1">
      <t>ケイ</t>
    </rPh>
    <phoneticPr fontId="3"/>
  </si>
  <si>
    <t>複数国籍</t>
    <rPh sb="0" eb="2">
      <t>フクスウ</t>
    </rPh>
    <rPh sb="2" eb="4">
      <t>コクセキ</t>
    </rPh>
    <phoneticPr fontId="3"/>
  </si>
  <si>
    <t>神奈川県計</t>
    <phoneticPr fontId="4"/>
  </si>
  <si>
    <t xml:space="preserve"> 計</t>
    <rPh sb="1" eb="2">
      <t>ケイ</t>
    </rPh>
    <phoneticPr fontId="3"/>
  </si>
  <si>
    <t>保土ケ谷区</t>
    <phoneticPr fontId="2"/>
  </si>
  <si>
    <t>注）「複数国籍世帯」とは、日本人住民と外国人住民の混合世帯のことをいう。</t>
    <rPh sb="0" eb="1">
      <t>チュウ</t>
    </rPh>
    <rPh sb="3" eb="5">
      <t>フクスウ</t>
    </rPh>
    <rPh sb="5" eb="7">
      <t>コクセキ</t>
    </rPh>
    <rPh sb="7" eb="9">
      <t>セタイ</t>
    </rPh>
    <rPh sb="13" eb="16">
      <t>ニホンジン</t>
    </rPh>
    <rPh sb="16" eb="18">
      <t>ジュウミン</t>
    </rPh>
    <rPh sb="19" eb="21">
      <t>ガイコク</t>
    </rPh>
    <rPh sb="21" eb="22">
      <t>ジン</t>
    </rPh>
    <rPh sb="22" eb="24">
      <t>ジュウミン</t>
    </rPh>
    <rPh sb="25" eb="27">
      <t>コンゴウ</t>
    </rPh>
    <rPh sb="27" eb="29">
      <t>セタイ</t>
    </rPh>
    <phoneticPr fontId="2"/>
  </si>
  <si>
    <t>市町村別人口､世帯数(2024(令和６)年１月１日現在)</t>
    <rPh sb="16" eb="18">
      <t>レイ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1"/>
      <color indexed="60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/>
      <right/>
      <top style="medium">
        <color indexed="8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medium">
        <color indexed="8"/>
      </top>
      <bottom style="thin">
        <color indexed="8"/>
      </bottom>
      <diagonal/>
    </border>
    <border>
      <left/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 style="medium">
        <color indexed="8"/>
      </top>
      <bottom style="thin">
        <color indexed="8"/>
      </bottom>
      <diagonal/>
    </border>
    <border>
      <left/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/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medium">
        <color indexed="8"/>
      </right>
      <top style="thin">
        <color indexed="8"/>
      </top>
      <bottom/>
      <diagonal/>
    </border>
    <border>
      <left style="medium">
        <color indexed="8"/>
      </left>
      <right style="medium">
        <color indexed="8"/>
      </right>
      <top/>
      <bottom style="double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/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8"/>
      </right>
      <top/>
      <bottom style="double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/>
      <right style="dotted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/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hair">
        <color indexed="8"/>
      </bottom>
      <diagonal/>
    </border>
    <border>
      <left/>
      <right style="dotted">
        <color indexed="8"/>
      </right>
      <top style="thin">
        <color indexed="8"/>
      </top>
      <bottom style="hair">
        <color indexed="8"/>
      </bottom>
      <diagonal/>
    </border>
    <border>
      <left style="medium">
        <color indexed="8"/>
      </left>
      <right/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/>
      <right style="thin">
        <color indexed="8"/>
      </right>
      <top style="thin">
        <color indexed="8"/>
      </top>
      <bottom style="hair">
        <color indexed="8"/>
      </bottom>
      <diagonal/>
    </border>
    <border>
      <left style="medium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/>
      <right style="dotted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medium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/>
      <top/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/>
      <right style="thin">
        <color indexed="8"/>
      </right>
      <top/>
      <bottom style="hair">
        <color indexed="8"/>
      </bottom>
      <diagonal/>
    </border>
    <border>
      <left style="medium">
        <color indexed="8"/>
      </left>
      <right style="medium">
        <color indexed="8"/>
      </right>
      <top style="hair">
        <color indexed="8"/>
      </top>
      <bottom style="medium">
        <color indexed="8"/>
      </bottom>
      <diagonal/>
    </border>
    <border>
      <left/>
      <right style="dotted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/>
      <top style="hair">
        <color indexed="8"/>
      </top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medium">
        <color indexed="8"/>
      </bottom>
      <diagonal/>
    </border>
    <border>
      <left/>
      <right style="medium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/>
      <diagonal/>
    </border>
    <border>
      <left style="thin">
        <color indexed="8"/>
      </left>
      <right style="medium">
        <color indexed="8"/>
      </right>
      <top/>
      <bottom style="hair">
        <color indexed="8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</cellStyleXfs>
  <cellXfs count="74">
    <xf numFmtId="0" fontId="0" fillId="0" borderId="0" xfId="0">
      <alignment vertical="center"/>
    </xf>
    <xf numFmtId="0" fontId="6" fillId="0" borderId="0" xfId="0" applyFont="1" applyFill="1" applyAlignment="1" applyProtection="1">
      <alignment vertical="center"/>
    </xf>
    <xf numFmtId="0" fontId="7" fillId="0" borderId="0" xfId="0" applyFont="1" applyFill="1" applyAlignment="1" applyProtection="1">
      <alignment vertical="center"/>
    </xf>
    <xf numFmtId="0" fontId="7" fillId="0" borderId="0" xfId="0" applyFont="1" applyAlignment="1">
      <alignment vertical="center"/>
    </xf>
    <xf numFmtId="0" fontId="7" fillId="0" borderId="0" xfId="0" applyNumberFormat="1" applyFont="1" applyFill="1" applyBorder="1" applyAlignment="1" applyProtection="1">
      <alignment vertical="center"/>
    </xf>
    <xf numFmtId="0" fontId="7" fillId="0" borderId="0" xfId="0" applyFont="1" applyFill="1" applyBorder="1" applyAlignment="1" applyProtection="1">
      <alignment horizontal="center" vertical="center"/>
    </xf>
    <xf numFmtId="0" fontId="7" fillId="0" borderId="1" xfId="0" applyFont="1" applyFill="1" applyBorder="1" applyAlignment="1" applyProtection="1">
      <alignment horizontal="right" vertical="center"/>
    </xf>
    <xf numFmtId="0" fontId="7" fillId="0" borderId="2" xfId="0" applyFont="1" applyFill="1" applyBorder="1" applyAlignment="1" applyProtection="1">
      <alignment vertical="center"/>
    </xf>
    <xf numFmtId="0" fontId="7" fillId="0" borderId="8" xfId="0" applyFont="1" applyFill="1" applyBorder="1" applyAlignment="1" applyProtection="1">
      <alignment vertical="center"/>
    </xf>
    <xf numFmtId="0" fontId="7" fillId="0" borderId="14" xfId="0" applyFont="1" applyFill="1" applyBorder="1" applyAlignment="1" applyProtection="1">
      <alignment horizontal="center" vertical="center"/>
    </xf>
    <xf numFmtId="0" fontId="7" fillId="0" borderId="15" xfId="0" applyFont="1" applyFill="1" applyBorder="1" applyAlignment="1" applyProtection="1">
      <alignment horizontal="center" vertical="center"/>
    </xf>
    <xf numFmtId="0" fontId="7" fillId="0" borderId="16" xfId="0" applyFont="1" applyFill="1" applyBorder="1" applyAlignment="1" applyProtection="1">
      <alignment vertical="center"/>
    </xf>
    <xf numFmtId="0" fontId="7" fillId="0" borderId="17" xfId="0" applyFont="1" applyBorder="1" applyAlignment="1" applyProtection="1">
      <alignment horizontal="center" vertical="center"/>
    </xf>
    <xf numFmtId="0" fontId="7" fillId="0" borderId="18" xfId="0" applyFont="1" applyBorder="1" applyAlignment="1" applyProtection="1">
      <alignment horizontal="center" vertical="center"/>
    </xf>
    <xf numFmtId="0" fontId="7" fillId="0" borderId="19" xfId="0" applyFont="1" applyFill="1" applyBorder="1" applyAlignment="1" applyProtection="1">
      <alignment horizontal="center" vertical="center"/>
    </xf>
    <xf numFmtId="0" fontId="7" fillId="0" borderId="20" xfId="0" applyFont="1" applyFill="1" applyBorder="1" applyAlignment="1" applyProtection="1">
      <alignment horizontal="center" vertical="center"/>
    </xf>
    <xf numFmtId="0" fontId="7" fillId="0" borderId="21" xfId="0" applyFont="1" applyFill="1" applyBorder="1" applyAlignment="1" applyProtection="1">
      <alignment horizontal="center" vertical="center"/>
    </xf>
    <xf numFmtId="0" fontId="7" fillId="0" borderId="22" xfId="0" applyFont="1" applyBorder="1" applyAlignment="1" applyProtection="1">
      <alignment horizontal="left" vertical="center"/>
    </xf>
    <xf numFmtId="0" fontId="7" fillId="0" borderId="23" xfId="0" applyFont="1" applyBorder="1" applyAlignment="1" applyProtection="1">
      <alignment horizontal="center" vertical="center"/>
    </xf>
    <xf numFmtId="38" fontId="7" fillId="0" borderId="24" xfId="1" applyFont="1" applyFill="1" applyBorder="1" applyAlignment="1" applyProtection="1">
      <alignment vertical="center"/>
    </xf>
    <xf numFmtId="38" fontId="7" fillId="0" borderId="11" xfId="1" applyFont="1" applyFill="1" applyBorder="1" applyAlignment="1" applyProtection="1">
      <alignment vertical="center"/>
    </xf>
    <xf numFmtId="38" fontId="7" fillId="0" borderId="10" xfId="1" applyFont="1" applyFill="1" applyBorder="1" applyAlignment="1" applyProtection="1">
      <alignment vertical="center"/>
    </xf>
    <xf numFmtId="38" fontId="7" fillId="0" borderId="46" xfId="1" applyFont="1" applyFill="1" applyBorder="1" applyAlignment="1" applyProtection="1">
      <alignment vertical="center"/>
    </xf>
    <xf numFmtId="0" fontId="7" fillId="0" borderId="25" xfId="0" applyFont="1" applyBorder="1" applyAlignment="1" applyProtection="1">
      <alignment horizontal="left" vertical="center"/>
    </xf>
    <xf numFmtId="0" fontId="7" fillId="0" borderId="26" xfId="0" applyFont="1" applyBorder="1" applyAlignment="1" applyProtection="1">
      <alignment horizontal="center" vertical="center"/>
    </xf>
    <xf numFmtId="38" fontId="7" fillId="0" borderId="27" xfId="1" applyFont="1" applyFill="1" applyBorder="1" applyAlignment="1" applyProtection="1">
      <alignment vertical="center"/>
    </xf>
    <xf numFmtId="38" fontId="7" fillId="0" borderId="28" xfId="1" applyFont="1" applyFill="1" applyBorder="1" applyAlignment="1" applyProtection="1">
      <alignment vertical="center"/>
    </xf>
    <xf numFmtId="38" fontId="7" fillId="0" borderId="29" xfId="1" applyFont="1" applyFill="1" applyBorder="1" applyAlignment="1" applyProtection="1">
      <alignment vertical="center"/>
    </xf>
    <xf numFmtId="38" fontId="7" fillId="0" borderId="47" xfId="1" applyFont="1" applyFill="1" applyBorder="1" applyAlignment="1" applyProtection="1">
      <alignment vertical="center"/>
    </xf>
    <xf numFmtId="0" fontId="7" fillId="0" borderId="30" xfId="0" applyFont="1" applyBorder="1" applyAlignment="1" applyProtection="1">
      <alignment horizontal="right" vertical="center"/>
    </xf>
    <xf numFmtId="0" fontId="7" fillId="0" borderId="31" xfId="0" applyFont="1" applyBorder="1" applyAlignment="1" applyProtection="1">
      <alignment horizontal="center" vertical="center"/>
    </xf>
    <xf numFmtId="38" fontId="7" fillId="0" borderId="33" xfId="2" applyFont="1" applyFill="1" applyBorder="1" applyAlignment="1" applyProtection="1">
      <alignment vertical="center"/>
      <protection locked="0"/>
    </xf>
    <xf numFmtId="38" fontId="7" fillId="0" borderId="34" xfId="2" applyFont="1" applyFill="1" applyBorder="1" applyAlignment="1" applyProtection="1">
      <alignment vertical="center"/>
      <protection locked="0"/>
    </xf>
    <xf numFmtId="38" fontId="7" fillId="0" borderId="34" xfId="1" applyFont="1" applyFill="1" applyBorder="1" applyAlignment="1">
      <alignment vertical="center"/>
    </xf>
    <xf numFmtId="38" fontId="7" fillId="0" borderId="34" xfId="1" applyFont="1" applyFill="1" applyBorder="1" applyAlignment="1" applyProtection="1">
      <alignment vertical="center"/>
    </xf>
    <xf numFmtId="38" fontId="7" fillId="0" borderId="32" xfId="1" applyFont="1" applyFill="1" applyBorder="1" applyAlignment="1" applyProtection="1">
      <alignment vertical="center"/>
    </xf>
    <xf numFmtId="38" fontId="7" fillId="0" borderId="32" xfId="2" applyFont="1" applyFill="1" applyBorder="1" applyAlignment="1" applyProtection="1">
      <alignment vertical="center"/>
      <protection locked="0"/>
    </xf>
    <xf numFmtId="38" fontId="7" fillId="0" borderId="36" xfId="1" applyFont="1" applyFill="1" applyBorder="1" applyAlignment="1" applyProtection="1">
      <alignment vertical="center"/>
    </xf>
    <xf numFmtId="0" fontId="7" fillId="0" borderId="30" xfId="0" applyFont="1" applyBorder="1" applyAlignment="1" applyProtection="1">
      <alignment horizontal="left" vertical="center"/>
    </xf>
    <xf numFmtId="38" fontId="7" fillId="0" borderId="33" xfId="1" applyFont="1" applyFill="1" applyBorder="1" applyAlignment="1" applyProtection="1">
      <alignment vertical="center"/>
    </xf>
    <xf numFmtId="38" fontId="7" fillId="0" borderId="48" xfId="1" applyFont="1" applyFill="1" applyBorder="1" applyAlignment="1" applyProtection="1">
      <alignment vertical="center"/>
    </xf>
    <xf numFmtId="38" fontId="7" fillId="0" borderId="35" xfId="2" applyFont="1" applyFill="1" applyBorder="1" applyAlignment="1" applyProtection="1">
      <alignment vertical="center"/>
      <protection locked="0"/>
    </xf>
    <xf numFmtId="38" fontId="7" fillId="0" borderId="37" xfId="2" applyFont="1" applyFill="1" applyBorder="1" applyAlignment="1" applyProtection="1">
      <alignment vertical="center"/>
      <protection locked="0"/>
    </xf>
    <xf numFmtId="38" fontId="7" fillId="0" borderId="38" xfId="2" applyFont="1" applyFill="1" applyBorder="1" applyAlignment="1" applyProtection="1">
      <alignment vertical="center"/>
      <protection locked="0"/>
    </xf>
    <xf numFmtId="38" fontId="7" fillId="0" borderId="38" xfId="1" applyFont="1" applyFill="1" applyBorder="1" applyAlignment="1">
      <alignment vertical="center"/>
    </xf>
    <xf numFmtId="38" fontId="7" fillId="0" borderId="38" xfId="1" applyFont="1" applyFill="1" applyBorder="1" applyAlignment="1" applyProtection="1">
      <alignment vertical="center"/>
    </xf>
    <xf numFmtId="38" fontId="7" fillId="0" borderId="39" xfId="2" applyFont="1" applyFill="1" applyBorder="1" applyAlignment="1" applyProtection="1">
      <alignment vertical="center"/>
      <protection locked="0"/>
    </xf>
    <xf numFmtId="38" fontId="7" fillId="0" borderId="49" xfId="1" applyFont="1" applyFill="1" applyBorder="1" applyAlignment="1" applyProtection="1">
      <alignment vertical="center"/>
    </xf>
    <xf numFmtId="38" fontId="7" fillId="0" borderId="33" xfId="1" applyFont="1" applyFill="1" applyBorder="1" applyAlignment="1" applyProtection="1">
      <alignment vertical="center"/>
      <protection locked="0"/>
    </xf>
    <xf numFmtId="38" fontId="7" fillId="0" borderId="34" xfId="1" applyFont="1" applyFill="1" applyBorder="1" applyAlignment="1" applyProtection="1">
      <alignment vertical="center"/>
      <protection locked="0"/>
    </xf>
    <xf numFmtId="38" fontId="7" fillId="0" borderId="32" xfId="1" applyFont="1" applyFill="1" applyBorder="1" applyAlignment="1" applyProtection="1">
      <alignment vertical="center"/>
      <protection locked="0"/>
    </xf>
    <xf numFmtId="0" fontId="7" fillId="0" borderId="40" xfId="0" applyFont="1" applyBorder="1" applyAlignment="1" applyProtection="1">
      <alignment horizontal="left" vertical="center"/>
    </xf>
    <xf numFmtId="0" fontId="7" fillId="0" borderId="41" xfId="0" applyFont="1" applyBorder="1" applyAlignment="1" applyProtection="1">
      <alignment horizontal="center" vertical="center"/>
    </xf>
    <xf numFmtId="38" fontId="7" fillId="0" borderId="43" xfId="2" applyFont="1" applyFill="1" applyBorder="1" applyAlignment="1" applyProtection="1">
      <alignment vertical="center"/>
      <protection locked="0"/>
    </xf>
    <xf numFmtId="38" fontId="7" fillId="0" borderId="44" xfId="2" applyFont="1" applyFill="1" applyBorder="1" applyAlignment="1" applyProtection="1">
      <alignment vertical="center"/>
      <protection locked="0"/>
    </xf>
    <xf numFmtId="38" fontId="7" fillId="0" borderId="44" xfId="1" applyFont="1" applyFill="1" applyBorder="1" applyAlignment="1">
      <alignment vertical="center"/>
    </xf>
    <xf numFmtId="38" fontId="7" fillId="0" borderId="44" xfId="1" applyFont="1" applyFill="1" applyBorder="1" applyAlignment="1" applyProtection="1">
      <alignment vertical="center"/>
    </xf>
    <xf numFmtId="38" fontId="7" fillId="0" borderId="42" xfId="1" applyFont="1" applyFill="1" applyBorder="1" applyAlignment="1" applyProtection="1">
      <alignment vertical="center"/>
    </xf>
    <xf numFmtId="38" fontId="7" fillId="0" borderId="42" xfId="2" applyFont="1" applyFill="1" applyBorder="1" applyAlignment="1" applyProtection="1">
      <alignment vertical="center"/>
      <protection locked="0"/>
    </xf>
    <xf numFmtId="38" fontId="7" fillId="0" borderId="45" xfId="1" applyFont="1" applyFill="1" applyBorder="1" applyAlignment="1" applyProtection="1">
      <alignment vertical="center"/>
    </xf>
    <xf numFmtId="0" fontId="7" fillId="0" borderId="8" xfId="0" applyFont="1" applyFill="1" applyBorder="1" applyAlignment="1" applyProtection="1">
      <alignment vertical="center" wrapText="1"/>
    </xf>
    <xf numFmtId="0" fontId="0" fillId="0" borderId="16" xfId="0" applyFont="1" applyBorder="1" applyAlignment="1">
      <alignment vertical="center" wrapText="1"/>
    </xf>
    <xf numFmtId="0" fontId="7" fillId="0" borderId="3" xfId="0" applyFont="1" applyFill="1" applyBorder="1" applyAlignment="1" applyProtection="1">
      <alignment horizontal="center" vertical="center"/>
    </xf>
    <xf numFmtId="0" fontId="7" fillId="0" borderId="4" xfId="0" applyFont="1" applyFill="1" applyBorder="1" applyAlignment="1" applyProtection="1">
      <alignment horizontal="center" vertical="center"/>
    </xf>
    <xf numFmtId="0" fontId="7" fillId="0" borderId="5" xfId="0" applyFont="1" applyFill="1" applyBorder="1" applyAlignment="1" applyProtection="1">
      <alignment horizontal="center" vertical="center"/>
    </xf>
    <xf numFmtId="0" fontId="7" fillId="0" borderId="6" xfId="0" applyFont="1" applyFill="1" applyBorder="1" applyAlignment="1" applyProtection="1">
      <alignment horizontal="center" vertical="center"/>
    </xf>
    <xf numFmtId="0" fontId="7" fillId="0" borderId="7" xfId="0" applyFont="1" applyFill="1" applyBorder="1" applyAlignment="1" applyProtection="1">
      <alignment horizontal="center" vertical="center"/>
    </xf>
    <xf numFmtId="0" fontId="7" fillId="0" borderId="9" xfId="0" applyFont="1" applyFill="1" applyBorder="1" applyAlignment="1" applyProtection="1">
      <alignment horizontal="center" vertical="center"/>
    </xf>
    <xf numFmtId="0" fontId="7" fillId="0" borderId="10" xfId="0" applyFont="1" applyFill="1" applyBorder="1" applyAlignment="1" applyProtection="1">
      <alignment horizontal="center" vertical="center"/>
    </xf>
    <xf numFmtId="38" fontId="7" fillId="0" borderId="10" xfId="2" applyFont="1" applyFill="1" applyBorder="1" applyAlignment="1" applyProtection="1">
      <alignment horizontal="center" vertical="center"/>
    </xf>
    <xf numFmtId="38" fontId="7" fillId="0" borderId="11" xfId="2" applyFont="1" applyFill="1" applyBorder="1" applyAlignment="1" applyProtection="1">
      <alignment horizontal="center" vertical="center"/>
    </xf>
    <xf numFmtId="0" fontId="7" fillId="0" borderId="11" xfId="0" applyFont="1" applyFill="1" applyBorder="1" applyAlignment="1" applyProtection="1">
      <alignment horizontal="center" vertical="center"/>
    </xf>
    <xf numFmtId="0" fontId="7" fillId="0" borderId="12" xfId="0" applyFont="1" applyFill="1" applyBorder="1" applyAlignment="1" applyProtection="1">
      <alignment horizontal="center" vertical="center"/>
    </xf>
    <xf numFmtId="0" fontId="7" fillId="0" borderId="13" xfId="0" applyFont="1" applyFill="1" applyBorder="1" applyAlignment="1" applyProtection="1">
      <alignment horizontal="center" vertical="center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804</xdr:colOff>
      <xdr:row>1</xdr:row>
      <xdr:rowOff>299357</xdr:rowOff>
    </xdr:from>
    <xdr:to>
      <xdr:col>0</xdr:col>
      <xdr:colOff>952500</xdr:colOff>
      <xdr:row>4</xdr:row>
      <xdr:rowOff>299357</xdr:rowOff>
    </xdr:to>
    <xdr:cxnSp macro="">
      <xdr:nvCxnSpPr>
        <xdr:cNvPr id="2" name="直線コネクタ 2"/>
        <xdr:cNvCxnSpPr>
          <a:cxnSpLocks noChangeShapeType="1"/>
        </xdr:cNvCxnSpPr>
      </xdr:nvCxnSpPr>
      <xdr:spPr bwMode="auto">
        <a:xfrm>
          <a:off x="6804" y="605518"/>
          <a:ext cx="945696" cy="918482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68"/>
  <sheetViews>
    <sheetView tabSelected="1" view="pageBreakPreview" zoomScaleNormal="100" zoomScaleSheetLayoutView="100" workbookViewId="0"/>
  </sheetViews>
  <sheetFormatPr defaultColWidth="9" defaultRowHeight="14.25" x14ac:dyDescent="0.15"/>
  <cols>
    <col min="1" max="1" width="11.625" style="3" customWidth="1"/>
    <col min="2" max="2" width="7.25" style="3" customWidth="1"/>
    <col min="3" max="4" width="10.625" style="3" customWidth="1"/>
    <col min="5" max="5" width="11.625" style="3" customWidth="1"/>
    <col min="6" max="7" width="10.625" style="3" customWidth="1"/>
    <col min="8" max="8" width="11.625" style="3" customWidth="1"/>
    <col min="9" max="10" width="10.625" style="3" customWidth="1"/>
    <col min="11" max="11" width="11.625" style="3" customWidth="1"/>
    <col min="12" max="14" width="10.625" style="3" customWidth="1"/>
    <col min="15" max="15" width="11.625" style="3" customWidth="1"/>
    <col min="16" max="16384" width="9" style="3"/>
  </cols>
  <sheetData>
    <row r="1" spans="1:15" ht="24" customHeight="1" x14ac:dyDescent="0.15">
      <c r="A1" s="1" t="s">
        <v>74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5" ht="24" customHeight="1" thickBot="1" x14ac:dyDescent="0.2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4"/>
      <c r="O2" s="5"/>
    </row>
    <row r="3" spans="1:15" ht="24" customHeight="1" x14ac:dyDescent="0.15">
      <c r="A3" s="6" t="s">
        <v>0</v>
      </c>
      <c r="B3" s="7"/>
      <c r="C3" s="62" t="s">
        <v>61</v>
      </c>
      <c r="D3" s="63"/>
      <c r="E3" s="63"/>
      <c r="F3" s="63"/>
      <c r="G3" s="63"/>
      <c r="H3" s="63"/>
      <c r="I3" s="63"/>
      <c r="J3" s="63"/>
      <c r="K3" s="64"/>
      <c r="L3" s="65" t="s">
        <v>62</v>
      </c>
      <c r="M3" s="63"/>
      <c r="N3" s="63"/>
      <c r="O3" s="66"/>
    </row>
    <row r="4" spans="1:15" ht="24" customHeight="1" x14ac:dyDescent="0.15">
      <c r="A4" s="8"/>
      <c r="B4" s="60" t="s">
        <v>1</v>
      </c>
      <c r="C4" s="67" t="s">
        <v>63</v>
      </c>
      <c r="D4" s="68"/>
      <c r="E4" s="68"/>
      <c r="F4" s="69" t="s">
        <v>64</v>
      </c>
      <c r="G4" s="69"/>
      <c r="H4" s="70"/>
      <c r="I4" s="71" t="s">
        <v>65</v>
      </c>
      <c r="J4" s="72"/>
      <c r="K4" s="73"/>
      <c r="L4" s="9"/>
      <c r="M4" s="9"/>
      <c r="N4" s="9"/>
      <c r="O4" s="10"/>
    </row>
    <row r="5" spans="1:15" ht="24" customHeight="1" thickBot="1" x14ac:dyDescent="0.2">
      <c r="A5" s="11" t="s">
        <v>2</v>
      </c>
      <c r="B5" s="61"/>
      <c r="C5" s="12" t="s">
        <v>66</v>
      </c>
      <c r="D5" s="13" t="s">
        <v>67</v>
      </c>
      <c r="E5" s="13" t="s">
        <v>68</v>
      </c>
      <c r="F5" s="13" t="s">
        <v>66</v>
      </c>
      <c r="G5" s="13" t="s">
        <v>67</v>
      </c>
      <c r="H5" s="13" t="s">
        <v>68</v>
      </c>
      <c r="I5" s="13" t="s">
        <v>66</v>
      </c>
      <c r="J5" s="13" t="s">
        <v>67</v>
      </c>
      <c r="K5" s="14" t="s">
        <v>68</v>
      </c>
      <c r="L5" s="15" t="s">
        <v>66</v>
      </c>
      <c r="M5" s="15" t="s">
        <v>67</v>
      </c>
      <c r="N5" s="15" t="s">
        <v>69</v>
      </c>
      <c r="O5" s="16" t="s">
        <v>71</v>
      </c>
    </row>
    <row r="6" spans="1:15" ht="24" customHeight="1" thickTop="1" x14ac:dyDescent="0.15">
      <c r="A6" s="17" t="s">
        <v>70</v>
      </c>
      <c r="B6" s="18">
        <v>140007</v>
      </c>
      <c r="C6" s="19">
        <v>4451482</v>
      </c>
      <c r="D6" s="20">
        <v>130314</v>
      </c>
      <c r="E6" s="21">
        <v>4581796</v>
      </c>
      <c r="F6" s="21">
        <v>4497043</v>
      </c>
      <c r="G6" s="21">
        <v>129849</v>
      </c>
      <c r="H6" s="21">
        <v>4626892</v>
      </c>
      <c r="I6" s="21">
        <v>8948525</v>
      </c>
      <c r="J6" s="21">
        <v>260163</v>
      </c>
      <c r="K6" s="21">
        <v>9208688</v>
      </c>
      <c r="L6" s="21">
        <v>4370899</v>
      </c>
      <c r="M6" s="21">
        <v>138255</v>
      </c>
      <c r="N6" s="21">
        <v>48516</v>
      </c>
      <c r="O6" s="22">
        <v>4557670</v>
      </c>
    </row>
    <row r="7" spans="1:15" ht="24" customHeight="1" x14ac:dyDescent="0.15">
      <c r="A7" s="23" t="s">
        <v>3</v>
      </c>
      <c r="B7" s="24">
        <v>141003</v>
      </c>
      <c r="C7" s="25">
        <v>1800586</v>
      </c>
      <c r="D7" s="26">
        <v>57085</v>
      </c>
      <c r="E7" s="26">
        <v>1857671</v>
      </c>
      <c r="F7" s="26">
        <v>1836429</v>
      </c>
      <c r="G7" s="26">
        <v>58869</v>
      </c>
      <c r="H7" s="26">
        <v>1895298</v>
      </c>
      <c r="I7" s="26">
        <v>3637015</v>
      </c>
      <c r="J7" s="26">
        <v>115954</v>
      </c>
      <c r="K7" s="26">
        <v>3752969</v>
      </c>
      <c r="L7" s="26">
        <v>1787762</v>
      </c>
      <c r="M7" s="26">
        <v>59891</v>
      </c>
      <c r="N7" s="27">
        <v>21154</v>
      </c>
      <c r="O7" s="28">
        <v>1868807</v>
      </c>
    </row>
    <row r="8" spans="1:15" ht="24" customHeight="1" x14ac:dyDescent="0.15">
      <c r="A8" s="29" t="s">
        <v>4</v>
      </c>
      <c r="B8" s="30">
        <v>141011</v>
      </c>
      <c r="C8" s="31">
        <v>144103</v>
      </c>
      <c r="D8" s="32">
        <v>7702</v>
      </c>
      <c r="E8" s="33">
        <v>151805</v>
      </c>
      <c r="F8" s="32">
        <v>134800</v>
      </c>
      <c r="G8" s="32">
        <v>7501</v>
      </c>
      <c r="H8" s="33">
        <v>142301</v>
      </c>
      <c r="I8" s="34">
        <v>278903</v>
      </c>
      <c r="J8" s="34">
        <v>15203</v>
      </c>
      <c r="K8" s="35">
        <v>294106</v>
      </c>
      <c r="L8" s="32">
        <v>142106</v>
      </c>
      <c r="M8" s="32">
        <v>7969</v>
      </c>
      <c r="N8" s="36">
        <v>2234</v>
      </c>
      <c r="O8" s="37">
        <v>152309</v>
      </c>
    </row>
    <row r="9" spans="1:15" ht="24" customHeight="1" x14ac:dyDescent="0.15">
      <c r="A9" s="29" t="s">
        <v>5</v>
      </c>
      <c r="B9" s="30">
        <v>141020</v>
      </c>
      <c r="C9" s="31">
        <v>118427</v>
      </c>
      <c r="D9" s="32">
        <v>4300</v>
      </c>
      <c r="E9" s="33">
        <v>122727</v>
      </c>
      <c r="F9" s="32">
        <v>116676</v>
      </c>
      <c r="G9" s="32">
        <v>4323</v>
      </c>
      <c r="H9" s="33">
        <v>120999</v>
      </c>
      <c r="I9" s="34">
        <v>235103</v>
      </c>
      <c r="J9" s="34">
        <v>8623</v>
      </c>
      <c r="K9" s="35">
        <v>243726</v>
      </c>
      <c r="L9" s="32">
        <v>126317</v>
      </c>
      <c r="M9" s="32">
        <v>4965</v>
      </c>
      <c r="N9" s="36">
        <v>1281</v>
      </c>
      <c r="O9" s="37">
        <v>132563</v>
      </c>
    </row>
    <row r="10" spans="1:15" ht="24" customHeight="1" x14ac:dyDescent="0.15">
      <c r="A10" s="29" t="s">
        <v>6</v>
      </c>
      <c r="B10" s="30">
        <v>141038</v>
      </c>
      <c r="C10" s="31">
        <v>49937</v>
      </c>
      <c r="D10" s="32">
        <v>2766</v>
      </c>
      <c r="E10" s="33">
        <v>52703</v>
      </c>
      <c r="F10" s="32">
        <v>49727</v>
      </c>
      <c r="G10" s="32">
        <v>2707</v>
      </c>
      <c r="H10" s="33">
        <v>52434</v>
      </c>
      <c r="I10" s="34">
        <v>99664</v>
      </c>
      <c r="J10" s="34">
        <v>5473</v>
      </c>
      <c r="K10" s="35">
        <v>105137</v>
      </c>
      <c r="L10" s="32">
        <v>56515</v>
      </c>
      <c r="M10" s="32">
        <v>3260</v>
      </c>
      <c r="N10" s="36">
        <v>744</v>
      </c>
      <c r="O10" s="37">
        <v>60519</v>
      </c>
    </row>
    <row r="11" spans="1:15" ht="24" customHeight="1" x14ac:dyDescent="0.15">
      <c r="A11" s="29" t="s">
        <v>7</v>
      </c>
      <c r="B11" s="30">
        <v>141046</v>
      </c>
      <c r="C11" s="31">
        <v>71136</v>
      </c>
      <c r="D11" s="32">
        <v>8208</v>
      </c>
      <c r="E11" s="33">
        <v>79344</v>
      </c>
      <c r="F11" s="32">
        <v>65713</v>
      </c>
      <c r="G11" s="32">
        <v>8999</v>
      </c>
      <c r="H11" s="33">
        <v>74712</v>
      </c>
      <c r="I11" s="34">
        <v>136849</v>
      </c>
      <c r="J11" s="34">
        <v>17207</v>
      </c>
      <c r="K11" s="35">
        <v>154056</v>
      </c>
      <c r="L11" s="32">
        <v>79106</v>
      </c>
      <c r="M11" s="32">
        <v>8797</v>
      </c>
      <c r="N11" s="36">
        <v>2395</v>
      </c>
      <c r="O11" s="37">
        <v>90298</v>
      </c>
    </row>
    <row r="12" spans="1:15" ht="24" customHeight="1" x14ac:dyDescent="0.15">
      <c r="A12" s="29" t="s">
        <v>8</v>
      </c>
      <c r="B12" s="30">
        <v>141054</v>
      </c>
      <c r="C12" s="31">
        <v>94184</v>
      </c>
      <c r="D12" s="32">
        <v>5887</v>
      </c>
      <c r="E12" s="33">
        <v>100071</v>
      </c>
      <c r="F12" s="32">
        <v>93450</v>
      </c>
      <c r="G12" s="32">
        <v>6648</v>
      </c>
      <c r="H12" s="33">
        <v>100098</v>
      </c>
      <c r="I12" s="34">
        <v>187634</v>
      </c>
      <c r="J12" s="34">
        <v>12535</v>
      </c>
      <c r="K12" s="35">
        <v>200169</v>
      </c>
      <c r="L12" s="32">
        <v>105011</v>
      </c>
      <c r="M12" s="32">
        <v>6450</v>
      </c>
      <c r="N12" s="36">
        <v>2103</v>
      </c>
      <c r="O12" s="37">
        <v>113564</v>
      </c>
    </row>
    <row r="13" spans="1:15" ht="24" customHeight="1" x14ac:dyDescent="0.15">
      <c r="A13" s="29" t="s">
        <v>72</v>
      </c>
      <c r="B13" s="30">
        <v>141062</v>
      </c>
      <c r="C13" s="31">
        <v>97492</v>
      </c>
      <c r="D13" s="32">
        <v>3030</v>
      </c>
      <c r="E13" s="33">
        <v>100522</v>
      </c>
      <c r="F13" s="32">
        <v>99575</v>
      </c>
      <c r="G13" s="32">
        <v>3083</v>
      </c>
      <c r="H13" s="33">
        <v>102658</v>
      </c>
      <c r="I13" s="34">
        <v>197067</v>
      </c>
      <c r="J13" s="34">
        <v>6113</v>
      </c>
      <c r="K13" s="35">
        <v>203180</v>
      </c>
      <c r="L13" s="32">
        <v>100182</v>
      </c>
      <c r="M13" s="32">
        <v>3406</v>
      </c>
      <c r="N13" s="36">
        <v>1055</v>
      </c>
      <c r="O13" s="37">
        <v>104643</v>
      </c>
    </row>
    <row r="14" spans="1:15" ht="24" customHeight="1" x14ac:dyDescent="0.15">
      <c r="A14" s="29" t="s">
        <v>9</v>
      </c>
      <c r="B14" s="30">
        <v>141071</v>
      </c>
      <c r="C14" s="31">
        <v>78943</v>
      </c>
      <c r="D14" s="32">
        <v>2836</v>
      </c>
      <c r="E14" s="33">
        <v>81779</v>
      </c>
      <c r="F14" s="32">
        <v>81285</v>
      </c>
      <c r="G14" s="32">
        <v>3079</v>
      </c>
      <c r="H14" s="33">
        <v>84364</v>
      </c>
      <c r="I14" s="34">
        <v>160228</v>
      </c>
      <c r="J14" s="34">
        <v>5915</v>
      </c>
      <c r="K14" s="35">
        <v>166143</v>
      </c>
      <c r="L14" s="32">
        <v>79776</v>
      </c>
      <c r="M14" s="32">
        <v>2659</v>
      </c>
      <c r="N14" s="36">
        <v>1112</v>
      </c>
      <c r="O14" s="37">
        <v>83547</v>
      </c>
    </row>
    <row r="15" spans="1:15" ht="24" customHeight="1" x14ac:dyDescent="0.15">
      <c r="A15" s="29" t="s">
        <v>10</v>
      </c>
      <c r="B15" s="30">
        <v>141089</v>
      </c>
      <c r="C15" s="31">
        <v>92686</v>
      </c>
      <c r="D15" s="32">
        <v>1706</v>
      </c>
      <c r="E15" s="33">
        <v>94392</v>
      </c>
      <c r="F15" s="32">
        <v>97020</v>
      </c>
      <c r="G15" s="32">
        <v>1867</v>
      </c>
      <c r="H15" s="33">
        <v>98887</v>
      </c>
      <c r="I15" s="34">
        <v>189706</v>
      </c>
      <c r="J15" s="34">
        <v>3573</v>
      </c>
      <c r="K15" s="35">
        <v>193279</v>
      </c>
      <c r="L15" s="32">
        <v>91425</v>
      </c>
      <c r="M15" s="32">
        <v>1795</v>
      </c>
      <c r="N15" s="32">
        <v>836</v>
      </c>
      <c r="O15" s="37">
        <v>94056</v>
      </c>
    </row>
    <row r="16" spans="1:15" ht="24" customHeight="1" x14ac:dyDescent="0.15">
      <c r="A16" s="29" t="s">
        <v>11</v>
      </c>
      <c r="B16" s="30">
        <v>141097</v>
      </c>
      <c r="C16" s="31">
        <v>172590</v>
      </c>
      <c r="D16" s="32">
        <v>4034</v>
      </c>
      <c r="E16" s="33">
        <v>176624</v>
      </c>
      <c r="F16" s="32">
        <v>174947</v>
      </c>
      <c r="G16" s="32">
        <v>3957</v>
      </c>
      <c r="H16" s="33">
        <v>178904</v>
      </c>
      <c r="I16" s="34">
        <v>347537</v>
      </c>
      <c r="J16" s="34">
        <v>7991</v>
      </c>
      <c r="K16" s="35">
        <v>355528</v>
      </c>
      <c r="L16" s="32">
        <v>173543</v>
      </c>
      <c r="M16" s="32">
        <v>4593</v>
      </c>
      <c r="N16" s="32">
        <v>1712</v>
      </c>
      <c r="O16" s="37">
        <v>179848</v>
      </c>
    </row>
    <row r="17" spans="1:15" ht="24" customHeight="1" x14ac:dyDescent="0.15">
      <c r="A17" s="29" t="s">
        <v>12</v>
      </c>
      <c r="B17" s="30">
        <v>141101</v>
      </c>
      <c r="C17" s="31">
        <v>135966</v>
      </c>
      <c r="D17" s="32">
        <v>2439</v>
      </c>
      <c r="E17" s="33">
        <v>138405</v>
      </c>
      <c r="F17" s="32">
        <v>140873</v>
      </c>
      <c r="G17" s="32">
        <v>2424</v>
      </c>
      <c r="H17" s="33">
        <v>143297</v>
      </c>
      <c r="I17" s="34">
        <v>276839</v>
      </c>
      <c r="J17" s="34">
        <v>4863</v>
      </c>
      <c r="K17" s="35">
        <v>281702</v>
      </c>
      <c r="L17" s="32">
        <v>127584</v>
      </c>
      <c r="M17" s="32">
        <v>2277</v>
      </c>
      <c r="N17" s="32">
        <v>1184</v>
      </c>
      <c r="O17" s="37">
        <v>131045</v>
      </c>
    </row>
    <row r="18" spans="1:15" ht="24" customHeight="1" x14ac:dyDescent="0.15">
      <c r="A18" s="29" t="s">
        <v>13</v>
      </c>
      <c r="B18" s="30">
        <v>141119</v>
      </c>
      <c r="C18" s="31">
        <v>101735</v>
      </c>
      <c r="D18" s="32">
        <v>1623</v>
      </c>
      <c r="E18" s="33">
        <v>103358</v>
      </c>
      <c r="F18" s="32">
        <v>108012</v>
      </c>
      <c r="G18" s="32">
        <v>1782</v>
      </c>
      <c r="H18" s="33">
        <v>109794</v>
      </c>
      <c r="I18" s="34">
        <v>209747</v>
      </c>
      <c r="J18" s="34">
        <v>3405</v>
      </c>
      <c r="K18" s="35">
        <v>213152</v>
      </c>
      <c r="L18" s="32">
        <v>100996</v>
      </c>
      <c r="M18" s="32">
        <v>1596</v>
      </c>
      <c r="N18" s="32">
        <v>871</v>
      </c>
      <c r="O18" s="37">
        <v>103463</v>
      </c>
    </row>
    <row r="19" spans="1:15" ht="24" customHeight="1" x14ac:dyDescent="0.15">
      <c r="A19" s="29" t="s">
        <v>14</v>
      </c>
      <c r="B19" s="30">
        <v>141127</v>
      </c>
      <c r="C19" s="31">
        <v>116257</v>
      </c>
      <c r="D19" s="32">
        <v>2035</v>
      </c>
      <c r="E19" s="33">
        <v>118292</v>
      </c>
      <c r="F19" s="32">
        <v>122662</v>
      </c>
      <c r="G19" s="32">
        <v>1945</v>
      </c>
      <c r="H19" s="33">
        <v>124607</v>
      </c>
      <c r="I19" s="34">
        <v>238919</v>
      </c>
      <c r="J19" s="34">
        <v>3980</v>
      </c>
      <c r="K19" s="35">
        <v>242899</v>
      </c>
      <c r="L19" s="32">
        <v>114774</v>
      </c>
      <c r="M19" s="32">
        <v>2162</v>
      </c>
      <c r="N19" s="32">
        <v>896</v>
      </c>
      <c r="O19" s="37">
        <v>117832</v>
      </c>
    </row>
    <row r="20" spans="1:15" ht="24" customHeight="1" x14ac:dyDescent="0.15">
      <c r="A20" s="29" t="s">
        <v>15</v>
      </c>
      <c r="B20" s="30">
        <v>141135</v>
      </c>
      <c r="C20" s="31">
        <v>87225</v>
      </c>
      <c r="D20" s="32">
        <v>2429</v>
      </c>
      <c r="E20" s="33">
        <v>89654</v>
      </c>
      <c r="F20" s="32">
        <v>89532</v>
      </c>
      <c r="G20" s="32">
        <v>2587</v>
      </c>
      <c r="H20" s="33">
        <v>92119</v>
      </c>
      <c r="I20" s="34">
        <v>176757</v>
      </c>
      <c r="J20" s="34">
        <v>5016</v>
      </c>
      <c r="K20" s="35">
        <v>181773</v>
      </c>
      <c r="L20" s="32">
        <v>82116</v>
      </c>
      <c r="M20" s="32">
        <v>2276</v>
      </c>
      <c r="N20" s="32">
        <v>821</v>
      </c>
      <c r="O20" s="37">
        <v>85213</v>
      </c>
    </row>
    <row r="21" spans="1:15" ht="24" customHeight="1" x14ac:dyDescent="0.15">
      <c r="A21" s="29" t="s">
        <v>16</v>
      </c>
      <c r="B21" s="30">
        <v>141143</v>
      </c>
      <c r="C21" s="31">
        <v>58574</v>
      </c>
      <c r="D21" s="32">
        <v>1140</v>
      </c>
      <c r="E21" s="33">
        <v>59714</v>
      </c>
      <c r="F21" s="32">
        <v>61200</v>
      </c>
      <c r="G21" s="32">
        <v>1191</v>
      </c>
      <c r="H21" s="33">
        <v>62391</v>
      </c>
      <c r="I21" s="34">
        <v>119774</v>
      </c>
      <c r="J21" s="34">
        <v>2331</v>
      </c>
      <c r="K21" s="35">
        <v>122105</v>
      </c>
      <c r="L21" s="32">
        <v>56773</v>
      </c>
      <c r="M21" s="32">
        <v>1121</v>
      </c>
      <c r="N21" s="32">
        <v>523</v>
      </c>
      <c r="O21" s="37">
        <v>58417</v>
      </c>
    </row>
    <row r="22" spans="1:15" ht="24" customHeight="1" x14ac:dyDescent="0.15">
      <c r="A22" s="29" t="s">
        <v>17</v>
      </c>
      <c r="B22" s="30">
        <v>141151</v>
      </c>
      <c r="C22" s="31">
        <v>58153</v>
      </c>
      <c r="D22" s="32">
        <v>737</v>
      </c>
      <c r="E22" s="33">
        <v>58890</v>
      </c>
      <c r="F22" s="32">
        <v>61502</v>
      </c>
      <c r="G22" s="32">
        <v>847</v>
      </c>
      <c r="H22" s="33">
        <v>62349</v>
      </c>
      <c r="I22" s="34">
        <v>119655</v>
      </c>
      <c r="J22" s="34">
        <v>1584</v>
      </c>
      <c r="K22" s="35">
        <v>121239</v>
      </c>
      <c r="L22" s="32">
        <v>56832</v>
      </c>
      <c r="M22" s="32">
        <v>671</v>
      </c>
      <c r="N22" s="32">
        <v>457</v>
      </c>
      <c r="O22" s="37">
        <v>57960</v>
      </c>
    </row>
    <row r="23" spans="1:15" ht="24" customHeight="1" x14ac:dyDescent="0.15">
      <c r="A23" s="29" t="s">
        <v>18</v>
      </c>
      <c r="B23" s="30">
        <v>141160</v>
      </c>
      <c r="C23" s="31">
        <v>72662</v>
      </c>
      <c r="D23" s="32">
        <v>1278</v>
      </c>
      <c r="E23" s="33">
        <v>73940</v>
      </c>
      <c r="F23" s="32">
        <v>76039</v>
      </c>
      <c r="G23" s="32">
        <v>1307</v>
      </c>
      <c r="H23" s="33">
        <v>77346</v>
      </c>
      <c r="I23" s="34">
        <v>148701</v>
      </c>
      <c r="J23" s="34">
        <v>2585</v>
      </c>
      <c r="K23" s="35">
        <v>151286</v>
      </c>
      <c r="L23" s="32">
        <v>69499</v>
      </c>
      <c r="M23" s="32">
        <v>1184</v>
      </c>
      <c r="N23" s="32">
        <v>564</v>
      </c>
      <c r="O23" s="37">
        <v>71247</v>
      </c>
    </row>
    <row r="24" spans="1:15" ht="24" customHeight="1" x14ac:dyDescent="0.15">
      <c r="A24" s="29" t="s">
        <v>19</v>
      </c>
      <c r="B24" s="30">
        <v>141178</v>
      </c>
      <c r="C24" s="31">
        <v>146087</v>
      </c>
      <c r="D24" s="32">
        <v>2765</v>
      </c>
      <c r="E24" s="33">
        <v>148852</v>
      </c>
      <c r="F24" s="32">
        <v>156692</v>
      </c>
      <c r="G24" s="32">
        <v>2607</v>
      </c>
      <c r="H24" s="33">
        <v>159299</v>
      </c>
      <c r="I24" s="34">
        <v>302779</v>
      </c>
      <c r="J24" s="34">
        <v>5372</v>
      </c>
      <c r="K24" s="35">
        <v>308151</v>
      </c>
      <c r="L24" s="32">
        <v>135880</v>
      </c>
      <c r="M24" s="32">
        <v>2791</v>
      </c>
      <c r="N24" s="32">
        <v>1304</v>
      </c>
      <c r="O24" s="37">
        <v>139975</v>
      </c>
    </row>
    <row r="25" spans="1:15" ht="24" customHeight="1" x14ac:dyDescent="0.15">
      <c r="A25" s="29" t="s">
        <v>20</v>
      </c>
      <c r="B25" s="30">
        <v>141186</v>
      </c>
      <c r="C25" s="31">
        <v>104429</v>
      </c>
      <c r="D25" s="32">
        <v>2170</v>
      </c>
      <c r="E25" s="33">
        <v>106599</v>
      </c>
      <c r="F25" s="32">
        <v>106724</v>
      </c>
      <c r="G25" s="32">
        <v>2015</v>
      </c>
      <c r="H25" s="33">
        <v>108739</v>
      </c>
      <c r="I25" s="34">
        <v>211153</v>
      </c>
      <c r="J25" s="34">
        <v>4185</v>
      </c>
      <c r="K25" s="35">
        <v>215338</v>
      </c>
      <c r="L25" s="32">
        <v>89327</v>
      </c>
      <c r="M25" s="32">
        <v>1919</v>
      </c>
      <c r="N25" s="32">
        <v>1062</v>
      </c>
      <c r="O25" s="37">
        <v>92308</v>
      </c>
    </row>
    <row r="26" spans="1:15" ht="24" customHeight="1" x14ac:dyDescent="0.15">
      <c r="A26" s="38" t="s">
        <v>21</v>
      </c>
      <c r="B26" s="30">
        <v>141305</v>
      </c>
      <c r="C26" s="39">
        <v>747411</v>
      </c>
      <c r="D26" s="34">
        <v>25356</v>
      </c>
      <c r="E26" s="34">
        <v>772767</v>
      </c>
      <c r="F26" s="34">
        <v>730931</v>
      </c>
      <c r="G26" s="34">
        <v>25438</v>
      </c>
      <c r="H26" s="34">
        <v>756369</v>
      </c>
      <c r="I26" s="34">
        <v>1478342</v>
      </c>
      <c r="J26" s="34">
        <v>50794</v>
      </c>
      <c r="K26" s="35">
        <v>1529136</v>
      </c>
      <c r="L26" s="34">
        <v>751148</v>
      </c>
      <c r="M26" s="34">
        <v>28195</v>
      </c>
      <c r="N26" s="34">
        <v>9044</v>
      </c>
      <c r="O26" s="37">
        <v>788387</v>
      </c>
    </row>
    <row r="27" spans="1:15" ht="24" customHeight="1" x14ac:dyDescent="0.15">
      <c r="A27" s="29" t="s">
        <v>22</v>
      </c>
      <c r="B27" s="30">
        <v>141313</v>
      </c>
      <c r="C27" s="31">
        <v>116797</v>
      </c>
      <c r="D27" s="32">
        <v>8955</v>
      </c>
      <c r="E27" s="33">
        <v>125752</v>
      </c>
      <c r="F27" s="32">
        <v>97897</v>
      </c>
      <c r="G27" s="32">
        <v>9273</v>
      </c>
      <c r="H27" s="33">
        <v>107170</v>
      </c>
      <c r="I27" s="34">
        <v>214694</v>
      </c>
      <c r="J27" s="34">
        <v>18228</v>
      </c>
      <c r="K27" s="35">
        <v>232922</v>
      </c>
      <c r="L27" s="32">
        <v>119504</v>
      </c>
      <c r="M27" s="32">
        <v>10093</v>
      </c>
      <c r="N27" s="32">
        <v>2507</v>
      </c>
      <c r="O27" s="37">
        <v>132104</v>
      </c>
    </row>
    <row r="28" spans="1:15" ht="24" customHeight="1" x14ac:dyDescent="0.15">
      <c r="A28" s="29" t="s">
        <v>23</v>
      </c>
      <c r="B28" s="30">
        <v>141321</v>
      </c>
      <c r="C28" s="31">
        <v>85178</v>
      </c>
      <c r="D28" s="32">
        <v>2986</v>
      </c>
      <c r="E28" s="33">
        <v>88164</v>
      </c>
      <c r="F28" s="32">
        <v>81820</v>
      </c>
      <c r="G28" s="32">
        <v>3314</v>
      </c>
      <c r="H28" s="33">
        <v>85134</v>
      </c>
      <c r="I28" s="34">
        <v>166998</v>
      </c>
      <c r="J28" s="34">
        <v>6300</v>
      </c>
      <c r="K28" s="35">
        <v>173298</v>
      </c>
      <c r="L28" s="32">
        <v>83027</v>
      </c>
      <c r="M28" s="32">
        <v>3011</v>
      </c>
      <c r="N28" s="32">
        <v>1129</v>
      </c>
      <c r="O28" s="37">
        <v>87167</v>
      </c>
    </row>
    <row r="29" spans="1:15" ht="24" customHeight="1" x14ac:dyDescent="0.15">
      <c r="A29" s="29" t="s">
        <v>24</v>
      </c>
      <c r="B29" s="30">
        <v>141330</v>
      </c>
      <c r="C29" s="31">
        <v>128689</v>
      </c>
      <c r="D29" s="32">
        <v>3314</v>
      </c>
      <c r="E29" s="33">
        <v>132003</v>
      </c>
      <c r="F29" s="32">
        <v>126961</v>
      </c>
      <c r="G29" s="32">
        <v>3336</v>
      </c>
      <c r="H29" s="33">
        <v>130297</v>
      </c>
      <c r="I29" s="34">
        <v>255650</v>
      </c>
      <c r="J29" s="34">
        <v>6650</v>
      </c>
      <c r="K29" s="35">
        <v>262300</v>
      </c>
      <c r="L29" s="32">
        <v>134105</v>
      </c>
      <c r="M29" s="32">
        <v>3926</v>
      </c>
      <c r="N29" s="32">
        <v>1274</v>
      </c>
      <c r="O29" s="37">
        <v>139305</v>
      </c>
    </row>
    <row r="30" spans="1:15" ht="24" customHeight="1" x14ac:dyDescent="0.15">
      <c r="A30" s="29" t="s">
        <v>25</v>
      </c>
      <c r="B30" s="30">
        <v>141348</v>
      </c>
      <c r="C30" s="31">
        <v>112469</v>
      </c>
      <c r="D30" s="32">
        <v>3072</v>
      </c>
      <c r="E30" s="33">
        <v>115541</v>
      </c>
      <c r="F30" s="32">
        <v>112821</v>
      </c>
      <c r="G30" s="32">
        <v>2948</v>
      </c>
      <c r="H30" s="33">
        <v>115769</v>
      </c>
      <c r="I30" s="34">
        <v>225290</v>
      </c>
      <c r="J30" s="34">
        <v>6020</v>
      </c>
      <c r="K30" s="35">
        <v>231310</v>
      </c>
      <c r="L30" s="32">
        <v>113935</v>
      </c>
      <c r="M30" s="32">
        <v>3482</v>
      </c>
      <c r="N30" s="32">
        <v>1221</v>
      </c>
      <c r="O30" s="37">
        <v>118638</v>
      </c>
    </row>
    <row r="31" spans="1:15" ht="24" customHeight="1" x14ac:dyDescent="0.15">
      <c r="A31" s="29" t="s">
        <v>26</v>
      </c>
      <c r="B31" s="30">
        <v>141356</v>
      </c>
      <c r="C31" s="31">
        <v>107081</v>
      </c>
      <c r="D31" s="32">
        <v>2767</v>
      </c>
      <c r="E31" s="33">
        <v>109848</v>
      </c>
      <c r="F31" s="32">
        <v>103968</v>
      </c>
      <c r="G31" s="32">
        <v>2563</v>
      </c>
      <c r="H31" s="33">
        <v>106531</v>
      </c>
      <c r="I31" s="34">
        <v>211049</v>
      </c>
      <c r="J31" s="34">
        <v>5330</v>
      </c>
      <c r="K31" s="35">
        <v>216379</v>
      </c>
      <c r="L31" s="32">
        <v>112536</v>
      </c>
      <c r="M31" s="32">
        <v>3229</v>
      </c>
      <c r="N31" s="32">
        <v>1005</v>
      </c>
      <c r="O31" s="37">
        <v>116770</v>
      </c>
    </row>
    <row r="32" spans="1:15" ht="24" customHeight="1" x14ac:dyDescent="0.15">
      <c r="A32" s="29" t="s">
        <v>27</v>
      </c>
      <c r="B32" s="30">
        <v>141364</v>
      </c>
      <c r="C32" s="31">
        <v>112533</v>
      </c>
      <c r="D32" s="32">
        <v>2398</v>
      </c>
      <c r="E32" s="33">
        <v>114931</v>
      </c>
      <c r="F32" s="32">
        <v>117464</v>
      </c>
      <c r="G32" s="32">
        <v>2318</v>
      </c>
      <c r="H32" s="33">
        <v>119782</v>
      </c>
      <c r="I32" s="34">
        <v>229997</v>
      </c>
      <c r="J32" s="34">
        <v>4716</v>
      </c>
      <c r="K32" s="35">
        <v>234713</v>
      </c>
      <c r="L32" s="32">
        <v>106331</v>
      </c>
      <c r="M32" s="32">
        <v>2484</v>
      </c>
      <c r="N32" s="32">
        <v>1159</v>
      </c>
      <c r="O32" s="37">
        <v>109974</v>
      </c>
    </row>
    <row r="33" spans="1:15" ht="24" customHeight="1" x14ac:dyDescent="0.15">
      <c r="A33" s="29" t="s">
        <v>28</v>
      </c>
      <c r="B33" s="30">
        <v>141372</v>
      </c>
      <c r="C33" s="31">
        <v>84664</v>
      </c>
      <c r="D33" s="32">
        <v>1864</v>
      </c>
      <c r="E33" s="33">
        <v>86528</v>
      </c>
      <c r="F33" s="32">
        <v>90000</v>
      </c>
      <c r="G33" s="32">
        <v>1686</v>
      </c>
      <c r="H33" s="33">
        <v>91686</v>
      </c>
      <c r="I33" s="34">
        <v>174664</v>
      </c>
      <c r="J33" s="34">
        <v>3550</v>
      </c>
      <c r="K33" s="35">
        <v>178214</v>
      </c>
      <c r="L33" s="32">
        <v>81710</v>
      </c>
      <c r="M33" s="32">
        <v>1970</v>
      </c>
      <c r="N33" s="32">
        <v>749</v>
      </c>
      <c r="O33" s="37">
        <v>84429</v>
      </c>
    </row>
    <row r="34" spans="1:15" ht="24" customHeight="1" x14ac:dyDescent="0.15">
      <c r="A34" s="38" t="s">
        <v>29</v>
      </c>
      <c r="B34" s="30">
        <v>141500</v>
      </c>
      <c r="C34" s="39">
        <v>350400</v>
      </c>
      <c r="D34" s="34">
        <v>9229</v>
      </c>
      <c r="E34" s="34">
        <v>359629</v>
      </c>
      <c r="F34" s="34">
        <v>348753</v>
      </c>
      <c r="G34" s="34">
        <v>9479</v>
      </c>
      <c r="H34" s="34">
        <v>358232</v>
      </c>
      <c r="I34" s="34">
        <v>699153</v>
      </c>
      <c r="J34" s="34">
        <v>18708</v>
      </c>
      <c r="K34" s="35">
        <v>717861</v>
      </c>
      <c r="L34" s="34">
        <v>340851</v>
      </c>
      <c r="M34" s="34">
        <v>10810</v>
      </c>
      <c r="N34" s="34">
        <v>3374</v>
      </c>
      <c r="O34" s="37">
        <v>355035</v>
      </c>
    </row>
    <row r="35" spans="1:15" ht="24" customHeight="1" x14ac:dyDescent="0.15">
      <c r="A35" s="29" t="s">
        <v>15</v>
      </c>
      <c r="B35" s="30">
        <v>141518</v>
      </c>
      <c r="C35" s="31">
        <v>81979</v>
      </c>
      <c r="D35" s="32">
        <v>1956</v>
      </c>
      <c r="E35" s="33">
        <v>83935</v>
      </c>
      <c r="F35" s="32">
        <v>80708</v>
      </c>
      <c r="G35" s="32">
        <v>1982</v>
      </c>
      <c r="H35" s="33">
        <v>82690</v>
      </c>
      <c r="I35" s="34">
        <v>162687</v>
      </c>
      <c r="J35" s="34">
        <v>3938</v>
      </c>
      <c r="K35" s="35">
        <v>166625</v>
      </c>
      <c r="L35" s="32">
        <v>77109</v>
      </c>
      <c r="M35" s="32">
        <v>2432</v>
      </c>
      <c r="N35" s="32">
        <v>700</v>
      </c>
      <c r="O35" s="37">
        <v>80241</v>
      </c>
    </row>
    <row r="36" spans="1:15" ht="24" customHeight="1" x14ac:dyDescent="0.15">
      <c r="A36" s="29" t="s">
        <v>30</v>
      </c>
      <c r="B36" s="30">
        <v>141526</v>
      </c>
      <c r="C36" s="31">
        <v>133704</v>
      </c>
      <c r="D36" s="32">
        <v>3623</v>
      </c>
      <c r="E36" s="33">
        <v>137327</v>
      </c>
      <c r="F36" s="32">
        <v>131278</v>
      </c>
      <c r="G36" s="32">
        <v>3720</v>
      </c>
      <c r="H36" s="33">
        <v>134998</v>
      </c>
      <c r="I36" s="34">
        <v>264982</v>
      </c>
      <c r="J36" s="34">
        <v>7343</v>
      </c>
      <c r="K36" s="35">
        <v>272325</v>
      </c>
      <c r="L36" s="32">
        <v>128721</v>
      </c>
      <c r="M36" s="32">
        <v>4162</v>
      </c>
      <c r="N36" s="32">
        <v>1380</v>
      </c>
      <c r="O36" s="37">
        <v>134263</v>
      </c>
    </row>
    <row r="37" spans="1:15" ht="24" customHeight="1" x14ac:dyDescent="0.15">
      <c r="A37" s="29" t="s">
        <v>8</v>
      </c>
      <c r="B37" s="30">
        <v>141534</v>
      </c>
      <c r="C37" s="31">
        <v>134717</v>
      </c>
      <c r="D37" s="32">
        <v>3650</v>
      </c>
      <c r="E37" s="33">
        <v>138367</v>
      </c>
      <c r="F37" s="32">
        <v>136767</v>
      </c>
      <c r="G37" s="32">
        <v>3777</v>
      </c>
      <c r="H37" s="33">
        <v>140544</v>
      </c>
      <c r="I37" s="34">
        <v>271484</v>
      </c>
      <c r="J37" s="34">
        <v>7427</v>
      </c>
      <c r="K37" s="35">
        <v>278911</v>
      </c>
      <c r="L37" s="32">
        <v>135021</v>
      </c>
      <c r="M37" s="32">
        <v>4216</v>
      </c>
      <c r="N37" s="32">
        <v>1294</v>
      </c>
      <c r="O37" s="37">
        <v>140531</v>
      </c>
    </row>
    <row r="38" spans="1:15" ht="24" customHeight="1" x14ac:dyDescent="0.15">
      <c r="A38" s="38" t="s">
        <v>31</v>
      </c>
      <c r="B38" s="30">
        <v>142018</v>
      </c>
      <c r="C38" s="31">
        <v>187550</v>
      </c>
      <c r="D38" s="32">
        <v>3302</v>
      </c>
      <c r="E38" s="33">
        <v>190852</v>
      </c>
      <c r="F38" s="32">
        <v>189108</v>
      </c>
      <c r="G38" s="32">
        <v>3528</v>
      </c>
      <c r="H38" s="33">
        <v>192636</v>
      </c>
      <c r="I38" s="34">
        <v>376658</v>
      </c>
      <c r="J38" s="34">
        <v>6830</v>
      </c>
      <c r="K38" s="35">
        <v>383488</v>
      </c>
      <c r="L38" s="32">
        <v>186567</v>
      </c>
      <c r="M38" s="32">
        <v>3633</v>
      </c>
      <c r="N38" s="32">
        <v>1852</v>
      </c>
      <c r="O38" s="37">
        <v>192052</v>
      </c>
    </row>
    <row r="39" spans="1:15" ht="24" customHeight="1" x14ac:dyDescent="0.15">
      <c r="A39" s="38" t="s">
        <v>32</v>
      </c>
      <c r="B39" s="30">
        <v>142034</v>
      </c>
      <c r="C39" s="31">
        <v>125361</v>
      </c>
      <c r="D39" s="32">
        <v>2732</v>
      </c>
      <c r="E39" s="33">
        <v>128093</v>
      </c>
      <c r="F39" s="32">
        <v>125615</v>
      </c>
      <c r="G39" s="32">
        <v>3148</v>
      </c>
      <c r="H39" s="33">
        <v>128763</v>
      </c>
      <c r="I39" s="34">
        <v>250976</v>
      </c>
      <c r="J39" s="34">
        <v>5880</v>
      </c>
      <c r="K39" s="35">
        <v>256856</v>
      </c>
      <c r="L39" s="32">
        <v>119223</v>
      </c>
      <c r="M39" s="32">
        <v>2936</v>
      </c>
      <c r="N39" s="32">
        <v>1304</v>
      </c>
      <c r="O39" s="40">
        <v>123463</v>
      </c>
    </row>
    <row r="40" spans="1:15" ht="24" customHeight="1" x14ac:dyDescent="0.15">
      <c r="A40" s="38" t="s">
        <v>33</v>
      </c>
      <c r="B40" s="30">
        <v>142042</v>
      </c>
      <c r="C40" s="41">
        <v>82145</v>
      </c>
      <c r="D40" s="36">
        <v>969</v>
      </c>
      <c r="E40" s="34">
        <v>83114</v>
      </c>
      <c r="F40" s="32">
        <v>91673</v>
      </c>
      <c r="G40" s="32">
        <v>838</v>
      </c>
      <c r="H40" s="34">
        <v>92511</v>
      </c>
      <c r="I40" s="34">
        <v>173818</v>
      </c>
      <c r="J40" s="34">
        <v>1807</v>
      </c>
      <c r="K40" s="34">
        <v>175625</v>
      </c>
      <c r="L40" s="32">
        <v>83491</v>
      </c>
      <c r="M40" s="32">
        <v>713</v>
      </c>
      <c r="N40" s="32">
        <v>824</v>
      </c>
      <c r="O40" s="37">
        <v>85028</v>
      </c>
    </row>
    <row r="41" spans="1:15" ht="24" customHeight="1" x14ac:dyDescent="0.15">
      <c r="A41" s="38" t="s">
        <v>34</v>
      </c>
      <c r="B41" s="30">
        <v>142051</v>
      </c>
      <c r="C41" s="42">
        <v>215779</v>
      </c>
      <c r="D41" s="43">
        <v>4523</v>
      </c>
      <c r="E41" s="44">
        <v>220302</v>
      </c>
      <c r="F41" s="43">
        <v>221359</v>
      </c>
      <c r="G41" s="43">
        <v>3511</v>
      </c>
      <c r="H41" s="44">
        <v>224870</v>
      </c>
      <c r="I41" s="45">
        <v>437138</v>
      </c>
      <c r="J41" s="45">
        <v>8034</v>
      </c>
      <c r="K41" s="45">
        <v>445172</v>
      </c>
      <c r="L41" s="43">
        <v>206053</v>
      </c>
      <c r="M41" s="43">
        <v>4274</v>
      </c>
      <c r="N41" s="46">
        <v>1769</v>
      </c>
      <c r="O41" s="47">
        <v>212096</v>
      </c>
    </row>
    <row r="42" spans="1:15" ht="24" customHeight="1" x14ac:dyDescent="0.15">
      <c r="A42" s="38" t="s">
        <v>35</v>
      </c>
      <c r="B42" s="30">
        <v>142069</v>
      </c>
      <c r="C42" s="31">
        <v>89761</v>
      </c>
      <c r="D42" s="32">
        <v>1454</v>
      </c>
      <c r="E42" s="33">
        <v>91215</v>
      </c>
      <c r="F42" s="32">
        <v>94065</v>
      </c>
      <c r="G42" s="32">
        <v>1760</v>
      </c>
      <c r="H42" s="33">
        <v>95825</v>
      </c>
      <c r="I42" s="34">
        <v>183826</v>
      </c>
      <c r="J42" s="34">
        <v>3214</v>
      </c>
      <c r="K42" s="35">
        <v>187040</v>
      </c>
      <c r="L42" s="32">
        <v>88680</v>
      </c>
      <c r="M42" s="32">
        <v>1852</v>
      </c>
      <c r="N42" s="36">
        <v>722</v>
      </c>
      <c r="O42" s="37">
        <v>91254</v>
      </c>
    </row>
    <row r="43" spans="1:15" ht="24" customHeight="1" x14ac:dyDescent="0.15">
      <c r="A43" s="38" t="s">
        <v>36</v>
      </c>
      <c r="B43" s="30">
        <v>142077</v>
      </c>
      <c r="C43" s="31">
        <v>119371</v>
      </c>
      <c r="D43" s="32">
        <v>1171</v>
      </c>
      <c r="E43" s="33">
        <v>120542</v>
      </c>
      <c r="F43" s="32">
        <v>126052</v>
      </c>
      <c r="G43" s="32">
        <v>1191</v>
      </c>
      <c r="H43" s="33">
        <v>127243</v>
      </c>
      <c r="I43" s="34">
        <v>245423</v>
      </c>
      <c r="J43" s="34">
        <v>2362</v>
      </c>
      <c r="K43" s="35">
        <v>247785</v>
      </c>
      <c r="L43" s="32">
        <v>112202</v>
      </c>
      <c r="M43" s="32">
        <v>1046</v>
      </c>
      <c r="N43" s="36">
        <v>915</v>
      </c>
      <c r="O43" s="37">
        <v>114163</v>
      </c>
    </row>
    <row r="44" spans="1:15" ht="24" customHeight="1" x14ac:dyDescent="0.15">
      <c r="A44" s="38" t="s">
        <v>37</v>
      </c>
      <c r="B44" s="30">
        <v>142085</v>
      </c>
      <c r="C44" s="31">
        <v>27151</v>
      </c>
      <c r="D44" s="32">
        <v>327</v>
      </c>
      <c r="E44" s="33">
        <v>27478</v>
      </c>
      <c r="F44" s="32">
        <v>30756</v>
      </c>
      <c r="G44" s="32">
        <v>276</v>
      </c>
      <c r="H44" s="33">
        <v>31032</v>
      </c>
      <c r="I44" s="34">
        <v>57907</v>
      </c>
      <c r="J44" s="34">
        <v>603</v>
      </c>
      <c r="K44" s="35">
        <v>58510</v>
      </c>
      <c r="L44" s="32">
        <v>27413</v>
      </c>
      <c r="M44" s="32">
        <v>203</v>
      </c>
      <c r="N44" s="36">
        <v>311</v>
      </c>
      <c r="O44" s="37">
        <v>27927</v>
      </c>
    </row>
    <row r="45" spans="1:15" ht="24" customHeight="1" x14ac:dyDescent="0.15">
      <c r="A45" s="38" t="s">
        <v>38</v>
      </c>
      <c r="B45" s="30">
        <v>142107</v>
      </c>
      <c r="C45" s="31">
        <v>19453</v>
      </c>
      <c r="D45" s="32">
        <v>239</v>
      </c>
      <c r="E45" s="33">
        <v>19692</v>
      </c>
      <c r="F45" s="32">
        <v>20677</v>
      </c>
      <c r="G45" s="32">
        <v>209</v>
      </c>
      <c r="H45" s="33">
        <v>20886</v>
      </c>
      <c r="I45" s="34">
        <v>40130</v>
      </c>
      <c r="J45" s="34">
        <v>448</v>
      </c>
      <c r="K45" s="35">
        <v>40578</v>
      </c>
      <c r="L45" s="32">
        <v>19524</v>
      </c>
      <c r="M45" s="32">
        <v>306</v>
      </c>
      <c r="N45" s="36">
        <v>117</v>
      </c>
      <c r="O45" s="37">
        <v>19947</v>
      </c>
    </row>
    <row r="46" spans="1:15" ht="24" customHeight="1" x14ac:dyDescent="0.15">
      <c r="A46" s="38" t="s">
        <v>39</v>
      </c>
      <c r="B46" s="30">
        <v>142115</v>
      </c>
      <c r="C46" s="31">
        <v>77439</v>
      </c>
      <c r="D46" s="32">
        <v>2468</v>
      </c>
      <c r="E46" s="33">
        <v>79907</v>
      </c>
      <c r="F46" s="32">
        <v>77390</v>
      </c>
      <c r="G46" s="32">
        <v>1960</v>
      </c>
      <c r="H46" s="33">
        <v>79350</v>
      </c>
      <c r="I46" s="34">
        <v>154829</v>
      </c>
      <c r="J46" s="34">
        <v>4428</v>
      </c>
      <c r="K46" s="35">
        <v>159257</v>
      </c>
      <c r="L46" s="32">
        <v>73007</v>
      </c>
      <c r="M46" s="32">
        <v>2613</v>
      </c>
      <c r="N46" s="36">
        <v>603</v>
      </c>
      <c r="O46" s="37">
        <v>76223</v>
      </c>
    </row>
    <row r="47" spans="1:15" ht="24" customHeight="1" x14ac:dyDescent="0.15">
      <c r="A47" s="38" t="s">
        <v>40</v>
      </c>
      <c r="B47" s="30">
        <v>142123</v>
      </c>
      <c r="C47" s="31">
        <v>110556</v>
      </c>
      <c r="D47" s="32">
        <v>5023</v>
      </c>
      <c r="E47" s="33">
        <v>115579</v>
      </c>
      <c r="F47" s="32">
        <v>104015</v>
      </c>
      <c r="G47" s="32">
        <v>4346</v>
      </c>
      <c r="H47" s="33">
        <v>108361</v>
      </c>
      <c r="I47" s="34">
        <v>214571</v>
      </c>
      <c r="J47" s="34">
        <v>9369</v>
      </c>
      <c r="K47" s="35">
        <v>223940</v>
      </c>
      <c r="L47" s="32">
        <v>104133</v>
      </c>
      <c r="M47" s="32">
        <v>5036</v>
      </c>
      <c r="N47" s="36">
        <v>1266</v>
      </c>
      <c r="O47" s="37">
        <v>110435</v>
      </c>
    </row>
    <row r="48" spans="1:15" ht="24" customHeight="1" x14ac:dyDescent="0.15">
      <c r="A48" s="38" t="s">
        <v>41</v>
      </c>
      <c r="B48" s="30">
        <v>142131</v>
      </c>
      <c r="C48" s="31">
        <v>118382</v>
      </c>
      <c r="D48" s="32">
        <v>3924</v>
      </c>
      <c r="E48" s="33">
        <v>122306</v>
      </c>
      <c r="F48" s="32">
        <v>118611</v>
      </c>
      <c r="G48" s="32">
        <v>4121</v>
      </c>
      <c r="H48" s="33">
        <v>122732</v>
      </c>
      <c r="I48" s="34">
        <v>236993</v>
      </c>
      <c r="J48" s="34">
        <v>8045</v>
      </c>
      <c r="K48" s="35">
        <v>245038</v>
      </c>
      <c r="L48" s="32">
        <v>115518</v>
      </c>
      <c r="M48" s="32">
        <v>4072</v>
      </c>
      <c r="N48" s="36">
        <v>1532</v>
      </c>
      <c r="O48" s="37">
        <v>121122</v>
      </c>
    </row>
    <row r="49" spans="1:15" ht="24" customHeight="1" x14ac:dyDescent="0.15">
      <c r="A49" s="38" t="s">
        <v>42</v>
      </c>
      <c r="B49" s="30">
        <v>142140</v>
      </c>
      <c r="C49" s="31">
        <v>49206</v>
      </c>
      <c r="D49" s="32">
        <v>1705</v>
      </c>
      <c r="E49" s="33">
        <v>50911</v>
      </c>
      <c r="F49" s="32">
        <v>47721</v>
      </c>
      <c r="G49" s="32">
        <v>1524</v>
      </c>
      <c r="H49" s="33">
        <v>49245</v>
      </c>
      <c r="I49" s="34">
        <v>96927</v>
      </c>
      <c r="J49" s="34">
        <v>3229</v>
      </c>
      <c r="K49" s="35">
        <v>100156</v>
      </c>
      <c r="L49" s="32">
        <v>45826</v>
      </c>
      <c r="M49" s="32">
        <v>1931</v>
      </c>
      <c r="N49" s="36">
        <v>382</v>
      </c>
      <c r="O49" s="37">
        <v>48139</v>
      </c>
    </row>
    <row r="50" spans="1:15" ht="24" customHeight="1" x14ac:dyDescent="0.15">
      <c r="A50" s="38" t="s">
        <v>43</v>
      </c>
      <c r="B50" s="30">
        <v>142158</v>
      </c>
      <c r="C50" s="48">
        <v>68473</v>
      </c>
      <c r="D50" s="49">
        <v>1751</v>
      </c>
      <c r="E50" s="33">
        <v>70224</v>
      </c>
      <c r="F50" s="49">
        <v>67759</v>
      </c>
      <c r="G50" s="49">
        <v>1621</v>
      </c>
      <c r="H50" s="33">
        <v>69380</v>
      </c>
      <c r="I50" s="34">
        <v>136232</v>
      </c>
      <c r="J50" s="34">
        <v>3372</v>
      </c>
      <c r="K50" s="35">
        <v>139604</v>
      </c>
      <c r="L50" s="49">
        <v>62750</v>
      </c>
      <c r="M50" s="49">
        <v>1675</v>
      </c>
      <c r="N50" s="50">
        <v>605</v>
      </c>
      <c r="O50" s="37">
        <v>65030</v>
      </c>
    </row>
    <row r="51" spans="1:15" ht="24" customHeight="1" x14ac:dyDescent="0.15">
      <c r="A51" s="38" t="s">
        <v>44</v>
      </c>
      <c r="B51" s="30">
        <v>142166</v>
      </c>
      <c r="C51" s="31">
        <v>63923</v>
      </c>
      <c r="D51" s="32">
        <v>1896</v>
      </c>
      <c r="E51" s="33">
        <v>65819</v>
      </c>
      <c r="F51" s="32">
        <v>63716</v>
      </c>
      <c r="G51" s="32">
        <v>1821</v>
      </c>
      <c r="H51" s="33">
        <v>65537</v>
      </c>
      <c r="I51" s="34">
        <v>127639</v>
      </c>
      <c r="J51" s="34">
        <v>3717</v>
      </c>
      <c r="K51" s="35">
        <v>131356</v>
      </c>
      <c r="L51" s="32">
        <v>61947</v>
      </c>
      <c r="M51" s="32">
        <v>1710</v>
      </c>
      <c r="N51" s="36">
        <v>858</v>
      </c>
      <c r="O51" s="37">
        <v>64515</v>
      </c>
    </row>
    <row r="52" spans="1:15" ht="24" customHeight="1" x14ac:dyDescent="0.15">
      <c r="A52" s="38" t="s">
        <v>45</v>
      </c>
      <c r="B52" s="30">
        <v>142174</v>
      </c>
      <c r="C52" s="31">
        <v>19684</v>
      </c>
      <c r="D52" s="32">
        <v>281</v>
      </c>
      <c r="E52" s="33">
        <v>19965</v>
      </c>
      <c r="F52" s="32">
        <v>20363</v>
      </c>
      <c r="G52" s="32">
        <v>338</v>
      </c>
      <c r="H52" s="33">
        <v>20701</v>
      </c>
      <c r="I52" s="34">
        <v>40047</v>
      </c>
      <c r="J52" s="34">
        <v>619</v>
      </c>
      <c r="K52" s="35">
        <v>40666</v>
      </c>
      <c r="L52" s="32">
        <v>17923</v>
      </c>
      <c r="M52" s="32">
        <v>346</v>
      </c>
      <c r="N52" s="36">
        <v>135</v>
      </c>
      <c r="O52" s="37">
        <v>18404</v>
      </c>
    </row>
    <row r="53" spans="1:15" ht="24" customHeight="1" x14ac:dyDescent="0.15">
      <c r="A53" s="38" t="s">
        <v>46</v>
      </c>
      <c r="B53" s="30">
        <v>142182</v>
      </c>
      <c r="C53" s="31">
        <v>40139</v>
      </c>
      <c r="D53" s="32">
        <v>2705</v>
      </c>
      <c r="E53" s="33">
        <v>42844</v>
      </c>
      <c r="F53" s="32">
        <v>39273</v>
      </c>
      <c r="G53" s="32">
        <v>1983</v>
      </c>
      <c r="H53" s="33">
        <v>41256</v>
      </c>
      <c r="I53" s="34">
        <v>79412</v>
      </c>
      <c r="J53" s="34">
        <v>4688</v>
      </c>
      <c r="K53" s="35">
        <v>84100</v>
      </c>
      <c r="L53" s="32">
        <v>36112</v>
      </c>
      <c r="M53" s="32">
        <v>2417</v>
      </c>
      <c r="N53" s="36">
        <v>524</v>
      </c>
      <c r="O53" s="37">
        <v>39053</v>
      </c>
    </row>
    <row r="54" spans="1:15" ht="24" customHeight="1" x14ac:dyDescent="0.15">
      <c r="A54" s="38" t="s">
        <v>47</v>
      </c>
      <c r="B54" s="30">
        <v>143014</v>
      </c>
      <c r="C54" s="31">
        <v>15094</v>
      </c>
      <c r="D54" s="32">
        <v>187</v>
      </c>
      <c r="E54" s="33">
        <v>15281</v>
      </c>
      <c r="F54" s="32">
        <v>16886</v>
      </c>
      <c r="G54" s="32">
        <v>105</v>
      </c>
      <c r="H54" s="33">
        <v>16991</v>
      </c>
      <c r="I54" s="34">
        <v>31980</v>
      </c>
      <c r="J54" s="34">
        <v>292</v>
      </c>
      <c r="K54" s="35">
        <v>32272</v>
      </c>
      <c r="L54" s="32">
        <v>14373</v>
      </c>
      <c r="M54" s="32">
        <v>101</v>
      </c>
      <c r="N54" s="36">
        <v>164</v>
      </c>
      <c r="O54" s="37">
        <v>14638</v>
      </c>
    </row>
    <row r="55" spans="1:15" ht="24" customHeight="1" x14ac:dyDescent="0.15">
      <c r="A55" s="38" t="s">
        <v>48</v>
      </c>
      <c r="B55" s="30">
        <v>143219</v>
      </c>
      <c r="C55" s="31">
        <v>24311</v>
      </c>
      <c r="D55" s="32">
        <v>690</v>
      </c>
      <c r="E55" s="33">
        <v>25001</v>
      </c>
      <c r="F55" s="32">
        <v>23624</v>
      </c>
      <c r="G55" s="32">
        <v>510</v>
      </c>
      <c r="H55" s="33">
        <v>24134</v>
      </c>
      <c r="I55" s="34">
        <v>47935</v>
      </c>
      <c r="J55" s="34">
        <v>1200</v>
      </c>
      <c r="K55" s="35">
        <v>49135</v>
      </c>
      <c r="L55" s="32">
        <v>21704</v>
      </c>
      <c r="M55" s="32">
        <v>692</v>
      </c>
      <c r="N55" s="36">
        <v>186</v>
      </c>
      <c r="O55" s="37">
        <v>22582</v>
      </c>
    </row>
    <row r="56" spans="1:15" ht="24" customHeight="1" x14ac:dyDescent="0.15">
      <c r="A56" s="38" t="s">
        <v>49</v>
      </c>
      <c r="B56" s="30">
        <v>143413</v>
      </c>
      <c r="C56" s="31">
        <v>15560</v>
      </c>
      <c r="D56" s="32">
        <v>118</v>
      </c>
      <c r="E56" s="33">
        <v>15678</v>
      </c>
      <c r="F56" s="32">
        <v>16277</v>
      </c>
      <c r="G56" s="32">
        <v>99</v>
      </c>
      <c r="H56" s="33">
        <v>16376</v>
      </c>
      <c r="I56" s="34">
        <v>31837</v>
      </c>
      <c r="J56" s="34">
        <v>217</v>
      </c>
      <c r="K56" s="35">
        <v>32054</v>
      </c>
      <c r="L56" s="32">
        <v>14475</v>
      </c>
      <c r="M56" s="32">
        <v>74</v>
      </c>
      <c r="N56" s="36">
        <v>118</v>
      </c>
      <c r="O56" s="37">
        <v>14667</v>
      </c>
    </row>
    <row r="57" spans="1:15" ht="24" customHeight="1" x14ac:dyDescent="0.15">
      <c r="A57" s="38" t="s">
        <v>50</v>
      </c>
      <c r="B57" s="30">
        <v>143421</v>
      </c>
      <c r="C57" s="31">
        <v>13263</v>
      </c>
      <c r="D57" s="32">
        <v>148</v>
      </c>
      <c r="E57" s="33">
        <v>13411</v>
      </c>
      <c r="F57" s="32">
        <v>14218</v>
      </c>
      <c r="G57" s="32">
        <v>123</v>
      </c>
      <c r="H57" s="33">
        <v>14341</v>
      </c>
      <c r="I57" s="34">
        <v>27481</v>
      </c>
      <c r="J57" s="34">
        <v>271</v>
      </c>
      <c r="K57" s="35">
        <v>27752</v>
      </c>
      <c r="L57" s="32">
        <v>12744</v>
      </c>
      <c r="M57" s="32">
        <v>157</v>
      </c>
      <c r="N57" s="36">
        <v>56</v>
      </c>
      <c r="O57" s="37">
        <v>12957</v>
      </c>
    </row>
    <row r="58" spans="1:15" ht="24" customHeight="1" x14ac:dyDescent="0.15">
      <c r="A58" s="38" t="s">
        <v>51</v>
      </c>
      <c r="B58" s="30">
        <v>143618</v>
      </c>
      <c r="C58" s="31">
        <v>4275</v>
      </c>
      <c r="D58" s="32">
        <v>216</v>
      </c>
      <c r="E58" s="33">
        <v>4491</v>
      </c>
      <c r="F58" s="32">
        <v>4256</v>
      </c>
      <c r="G58" s="32">
        <v>185</v>
      </c>
      <c r="H58" s="33">
        <v>4441</v>
      </c>
      <c r="I58" s="34">
        <v>8531</v>
      </c>
      <c r="J58" s="34">
        <v>401</v>
      </c>
      <c r="K58" s="35">
        <v>8932</v>
      </c>
      <c r="L58" s="32">
        <v>3578</v>
      </c>
      <c r="M58" s="32">
        <v>207</v>
      </c>
      <c r="N58" s="36">
        <v>24</v>
      </c>
      <c r="O58" s="37">
        <v>3809</v>
      </c>
    </row>
    <row r="59" spans="1:15" ht="24" customHeight="1" x14ac:dyDescent="0.15">
      <c r="A59" s="38" t="s">
        <v>52</v>
      </c>
      <c r="B59" s="30">
        <v>143626</v>
      </c>
      <c r="C59" s="31">
        <v>8559</v>
      </c>
      <c r="D59" s="32">
        <v>84</v>
      </c>
      <c r="E59" s="33">
        <v>8643</v>
      </c>
      <c r="F59" s="32">
        <v>8735</v>
      </c>
      <c r="G59" s="32">
        <v>95</v>
      </c>
      <c r="H59" s="33">
        <v>8830</v>
      </c>
      <c r="I59" s="34">
        <v>17294</v>
      </c>
      <c r="J59" s="34">
        <v>179</v>
      </c>
      <c r="K59" s="35">
        <v>17473</v>
      </c>
      <c r="L59" s="32">
        <v>7410</v>
      </c>
      <c r="M59" s="32">
        <v>96</v>
      </c>
      <c r="N59" s="36">
        <v>41</v>
      </c>
      <c r="O59" s="37">
        <v>7547</v>
      </c>
    </row>
    <row r="60" spans="1:15" ht="24" customHeight="1" x14ac:dyDescent="0.15">
      <c r="A60" s="38" t="s">
        <v>53</v>
      </c>
      <c r="B60" s="30">
        <v>143634</v>
      </c>
      <c r="C60" s="31">
        <v>5131</v>
      </c>
      <c r="D60" s="32">
        <v>52</v>
      </c>
      <c r="E60" s="33">
        <v>5183</v>
      </c>
      <c r="F60" s="32">
        <v>5199</v>
      </c>
      <c r="G60" s="32">
        <v>105</v>
      </c>
      <c r="H60" s="33">
        <v>5304</v>
      </c>
      <c r="I60" s="34">
        <v>10330</v>
      </c>
      <c r="J60" s="34">
        <v>157</v>
      </c>
      <c r="K60" s="35">
        <v>10487</v>
      </c>
      <c r="L60" s="32">
        <v>4733</v>
      </c>
      <c r="M60" s="32">
        <v>98</v>
      </c>
      <c r="N60" s="36">
        <v>42</v>
      </c>
      <c r="O60" s="37">
        <v>4873</v>
      </c>
    </row>
    <row r="61" spans="1:15" ht="24" customHeight="1" x14ac:dyDescent="0.15">
      <c r="A61" s="38" t="s">
        <v>54</v>
      </c>
      <c r="B61" s="30">
        <v>143642</v>
      </c>
      <c r="C61" s="31">
        <v>4565</v>
      </c>
      <c r="D61" s="32">
        <v>66</v>
      </c>
      <c r="E61" s="33">
        <v>4631</v>
      </c>
      <c r="F61" s="32">
        <v>4740</v>
      </c>
      <c r="G61" s="32">
        <v>64</v>
      </c>
      <c r="H61" s="33">
        <v>4804</v>
      </c>
      <c r="I61" s="34">
        <v>9305</v>
      </c>
      <c r="J61" s="34">
        <v>130</v>
      </c>
      <c r="K61" s="35">
        <v>9435</v>
      </c>
      <c r="L61" s="32">
        <v>4126</v>
      </c>
      <c r="M61" s="32">
        <v>88</v>
      </c>
      <c r="N61" s="36">
        <v>25</v>
      </c>
      <c r="O61" s="37">
        <v>4239</v>
      </c>
    </row>
    <row r="62" spans="1:15" ht="24" customHeight="1" x14ac:dyDescent="0.15">
      <c r="A62" s="38" t="s">
        <v>55</v>
      </c>
      <c r="B62" s="30">
        <v>143669</v>
      </c>
      <c r="C62" s="31">
        <v>9040</v>
      </c>
      <c r="D62" s="32">
        <v>81</v>
      </c>
      <c r="E62" s="33">
        <v>9121</v>
      </c>
      <c r="F62" s="32">
        <v>9428</v>
      </c>
      <c r="G62" s="32">
        <v>100</v>
      </c>
      <c r="H62" s="33">
        <v>9528</v>
      </c>
      <c r="I62" s="34">
        <v>18468</v>
      </c>
      <c r="J62" s="34">
        <v>181</v>
      </c>
      <c r="K62" s="35">
        <v>18649</v>
      </c>
      <c r="L62" s="32">
        <v>7616</v>
      </c>
      <c r="M62" s="32">
        <v>81</v>
      </c>
      <c r="N62" s="36">
        <v>57</v>
      </c>
      <c r="O62" s="37">
        <v>7754</v>
      </c>
    </row>
    <row r="63" spans="1:15" ht="24" customHeight="1" x14ac:dyDescent="0.15">
      <c r="A63" s="38" t="s">
        <v>56</v>
      </c>
      <c r="B63" s="30">
        <v>143821</v>
      </c>
      <c r="C63" s="31">
        <v>4796</v>
      </c>
      <c r="D63" s="32">
        <v>411</v>
      </c>
      <c r="E63" s="33">
        <v>5207</v>
      </c>
      <c r="F63" s="32">
        <v>5147</v>
      </c>
      <c r="G63" s="32">
        <v>553</v>
      </c>
      <c r="H63" s="33">
        <v>5700</v>
      </c>
      <c r="I63" s="34">
        <v>9943</v>
      </c>
      <c r="J63" s="34">
        <v>964</v>
      </c>
      <c r="K63" s="35">
        <v>10907</v>
      </c>
      <c r="L63" s="32">
        <v>6044</v>
      </c>
      <c r="M63" s="32">
        <v>798</v>
      </c>
      <c r="N63" s="36">
        <v>43</v>
      </c>
      <c r="O63" s="37">
        <v>6885</v>
      </c>
    </row>
    <row r="64" spans="1:15" ht="24" customHeight="1" x14ac:dyDescent="0.15">
      <c r="A64" s="38" t="s">
        <v>57</v>
      </c>
      <c r="B64" s="30">
        <v>143839</v>
      </c>
      <c r="C64" s="31">
        <v>3090</v>
      </c>
      <c r="D64" s="32">
        <v>37</v>
      </c>
      <c r="E64" s="33">
        <v>3127</v>
      </c>
      <c r="F64" s="32">
        <v>3542</v>
      </c>
      <c r="G64" s="32">
        <v>41</v>
      </c>
      <c r="H64" s="33">
        <v>3583</v>
      </c>
      <c r="I64" s="34">
        <v>6632</v>
      </c>
      <c r="J64" s="34">
        <v>78</v>
      </c>
      <c r="K64" s="35">
        <v>6710</v>
      </c>
      <c r="L64" s="32">
        <v>3340</v>
      </c>
      <c r="M64" s="32">
        <v>29</v>
      </c>
      <c r="N64" s="36">
        <v>31</v>
      </c>
      <c r="O64" s="37">
        <v>3400</v>
      </c>
    </row>
    <row r="65" spans="1:15" ht="24" customHeight="1" x14ac:dyDescent="0.15">
      <c r="A65" s="38" t="s">
        <v>58</v>
      </c>
      <c r="B65" s="30">
        <v>143847</v>
      </c>
      <c r="C65" s="31">
        <v>10847</v>
      </c>
      <c r="D65" s="32">
        <v>217</v>
      </c>
      <c r="E65" s="33">
        <v>11064</v>
      </c>
      <c r="F65" s="32">
        <v>12100</v>
      </c>
      <c r="G65" s="32">
        <v>319</v>
      </c>
      <c r="H65" s="33">
        <v>12419</v>
      </c>
      <c r="I65" s="34">
        <v>22947</v>
      </c>
      <c r="J65" s="34">
        <v>536</v>
      </c>
      <c r="K65" s="35">
        <v>23483</v>
      </c>
      <c r="L65" s="32">
        <v>12423</v>
      </c>
      <c r="M65" s="32">
        <v>339</v>
      </c>
      <c r="N65" s="36">
        <v>108</v>
      </c>
      <c r="O65" s="37">
        <v>12870</v>
      </c>
    </row>
    <row r="66" spans="1:15" ht="24" customHeight="1" x14ac:dyDescent="0.15">
      <c r="A66" s="38" t="s">
        <v>59</v>
      </c>
      <c r="B66" s="30">
        <v>144011</v>
      </c>
      <c r="C66" s="31">
        <v>18805</v>
      </c>
      <c r="D66" s="32">
        <v>1830</v>
      </c>
      <c r="E66" s="33">
        <v>20635</v>
      </c>
      <c r="F66" s="32">
        <v>17301</v>
      </c>
      <c r="G66" s="32">
        <v>1562</v>
      </c>
      <c r="H66" s="33">
        <v>18863</v>
      </c>
      <c r="I66" s="34">
        <v>36106</v>
      </c>
      <c r="J66" s="34">
        <v>3392</v>
      </c>
      <c r="K66" s="35">
        <v>39498</v>
      </c>
      <c r="L66" s="32">
        <v>16990</v>
      </c>
      <c r="M66" s="32">
        <v>1791</v>
      </c>
      <c r="N66" s="36">
        <v>322</v>
      </c>
      <c r="O66" s="37">
        <v>19103</v>
      </c>
    </row>
    <row r="67" spans="1:15" ht="24" customHeight="1" thickBot="1" x14ac:dyDescent="0.2">
      <c r="A67" s="51" t="s">
        <v>60</v>
      </c>
      <c r="B67" s="52">
        <v>144029</v>
      </c>
      <c r="C67" s="53">
        <v>1376</v>
      </c>
      <c r="D67" s="54">
        <v>37</v>
      </c>
      <c r="E67" s="55">
        <v>1413</v>
      </c>
      <c r="F67" s="54">
        <v>1324</v>
      </c>
      <c r="G67" s="54">
        <v>27</v>
      </c>
      <c r="H67" s="55">
        <v>1351</v>
      </c>
      <c r="I67" s="56">
        <v>2700</v>
      </c>
      <c r="J67" s="56">
        <v>64</v>
      </c>
      <c r="K67" s="57">
        <v>2764</v>
      </c>
      <c r="L67" s="54">
        <v>1213</v>
      </c>
      <c r="M67" s="54">
        <v>45</v>
      </c>
      <c r="N67" s="58">
        <v>8</v>
      </c>
      <c r="O67" s="59">
        <v>1266</v>
      </c>
    </row>
    <row r="68" spans="1:15" ht="24" customHeight="1" x14ac:dyDescent="0.15">
      <c r="A68" s="3" t="s">
        <v>73</v>
      </c>
    </row>
  </sheetData>
  <mergeCells count="6">
    <mergeCell ref="B4:B5"/>
    <mergeCell ref="C3:K3"/>
    <mergeCell ref="L3:O3"/>
    <mergeCell ref="C4:E4"/>
    <mergeCell ref="F4:H4"/>
    <mergeCell ref="I4:K4"/>
  </mergeCells>
  <phoneticPr fontId="2"/>
  <pageMargins left="0.78740157480314965" right="0.59055118110236227" top="0.55118110236220474" bottom="0.55118110236220474" header="0.31496062992125984" footer="0.31496062992125984"/>
  <pageSetup paperSize="9" scale="4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Ryo OTANI</cp:lastModifiedBy>
  <cp:lastPrinted>2021-03-03T08:40:35Z</cp:lastPrinted>
  <dcterms:created xsi:type="dcterms:W3CDTF">2020-02-28T01:24:12Z</dcterms:created>
  <dcterms:modified xsi:type="dcterms:W3CDTF">2024-03-19T07:57:34Z</dcterms:modified>
</cp:coreProperties>
</file>